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3-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3-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waddinxve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tekst, Lettertype, schermopname, logo&#10;&#10;Automatisch gegenereerde beschrijving">
            <a:extLst>
              <a:ext uri="{FF2B5EF4-FFF2-40B4-BE49-F238E27FC236}">
                <a16:creationId xmlns:a16="http://schemas.microsoft.com/office/drawing/2014/main" id="{607A4023-84A0-DFD6-9409-ABF7B9956CB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2538" y="4574321"/>
            <a:ext cx="3236056" cy="210343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28823" y="454558"/>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schermopname, logo&#10;&#10;Automatisch gegenereerde beschrijving">
            <a:extLst>
              <a:ext uri="{FF2B5EF4-FFF2-40B4-BE49-F238E27FC236}">
                <a16:creationId xmlns:a16="http://schemas.microsoft.com/office/drawing/2014/main" id="{3BA19399-EB14-2954-12E6-73BED03D3813}"/>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76739" y="3847786"/>
            <a:ext cx="2249552"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5</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03T09:46:59Z</dcterms:modified>
</cp:coreProperties>
</file>